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3B4EE4" w:rsidRDefault="00144D2F">
      <w:r>
        <w:rPr>
          <w:noProof/>
        </w:rPr>
        <w:drawing>
          <wp:inline distT="0" distB="0" distL="0" distR="0" wp14:anchorId="45158477" wp14:editId="658792BC">
            <wp:extent cx="3723307" cy="3957264"/>
            <wp:effectExtent l="0" t="2540" r="8255" b="8255"/>
            <wp:docPr id="1" name="圖片 1" descr="C:\Users\i2348\AppData\Local\Microsoft\Windows\Temporary Internet Files\Content.Word\IMG_202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348\AppData\Local\Microsoft\Windows\Temporary Internet Files\Content.Word\IMG_202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9406"/>
                    <a:stretch/>
                  </pic:blipFill>
                  <pic:spPr bwMode="auto">
                    <a:xfrm rot="5400000">
                      <a:off x="0" y="0"/>
                      <a:ext cx="3723343" cy="395730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3B4EE4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44D2F"/>
    <w:rsid w:val="00144D2F"/>
    <w:rsid w:val="003B4EE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08796349-14D3-45D3-BCFB-D1CB1ADA7A7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0</Words>
  <Characters>1</Characters>
  <Application>Microsoft Office Word</Application>
  <DocSecurity>0</DocSecurity>
  <Lines>1</Lines>
  <Paragraphs>1</Paragraphs>
  <ScaleCrop>false</ScaleCrop>
  <Company/>
  <LinksUpToDate>false</LinksUpToDate>
  <CharactersWithSpaces>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黃美蓮</dc:creator>
  <cp:keywords/>
  <dc:description/>
  <cp:lastModifiedBy>黃美蓮</cp:lastModifiedBy>
  <cp:revision>1</cp:revision>
  <dcterms:created xsi:type="dcterms:W3CDTF">2019-07-02T00:56:00Z</dcterms:created>
  <dcterms:modified xsi:type="dcterms:W3CDTF">2019-07-02T00:57:00Z</dcterms:modified>
</cp:coreProperties>
</file>